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３　給付状況\ＸＬＳ\"/>
    </mc:Choice>
  </mc:AlternateContent>
  <bookViews>
    <workbookView xWindow="0" yWindow="0" windowWidth="20490" windowHeight="7185"/>
  </bookViews>
  <sheets>
    <sheet name="第1７表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第1７表!$A$1:$F$4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9" uniqueCount="53">
  <si>
    <t>第１７表 総医療費 (療養諸費等計）</t>
    <phoneticPr fontId="0"/>
  </si>
  <si>
    <t>（単位：円）</t>
  </si>
  <si>
    <t>保険者名</t>
  </si>
  <si>
    <t>一般</t>
    <phoneticPr fontId="0"/>
  </si>
  <si>
    <t>退職者</t>
    <rPh sb="0" eb="3">
      <t>タイショクシャ</t>
    </rPh>
    <phoneticPr fontId="0"/>
  </si>
  <si>
    <t>前期高齢者</t>
    <rPh sb="0" eb="2">
      <t>ゼンキ</t>
    </rPh>
    <rPh sb="2" eb="5">
      <t>コウレイシャ</t>
    </rPh>
    <phoneticPr fontId="0"/>
  </si>
  <si>
    <t>総 医 療 費</t>
  </si>
  <si>
    <t>（１）</t>
  </si>
  <si>
    <t>（２）</t>
  </si>
  <si>
    <t>(1)+(2)</t>
    <phoneticPr fontId="0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　師</t>
    <phoneticPr fontId="0"/>
  </si>
  <si>
    <t>－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市町村計</t>
  </si>
  <si>
    <t>組   合   計</t>
    <phoneticPr fontId="0"/>
  </si>
  <si>
    <t>県            計</t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10"/>
      <color indexed="8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8"/>
      <color indexed="12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double">
        <color indexed="8"/>
      </bottom>
      <diagonal/>
    </border>
    <border>
      <left/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1" fillId="0" borderId="0"/>
  </cellStyleXfs>
  <cellXfs count="55">
    <xf numFmtId="0" fontId="0" fillId="0" borderId="0" xfId="0"/>
    <xf numFmtId="0" fontId="1" fillId="0" borderId="0" xfId="0" applyFont="1" applyBorder="1" applyAlignment="1" applyProtection="1">
      <alignment horizontal="left" vertical="center"/>
    </xf>
    <xf numFmtId="0" fontId="1" fillId="0" borderId="0" xfId="0" applyFont="1" applyAlignment="1">
      <alignment vertical="center"/>
    </xf>
    <xf numFmtId="0" fontId="1" fillId="0" borderId="0" xfId="0" applyFont="1" applyFill="1" applyBorder="1" applyAlignment="1">
      <alignment vertical="center"/>
    </xf>
    <xf numFmtId="0" fontId="1" fillId="0" borderId="0" xfId="0" applyFont="1" applyBorder="1" applyAlignment="1">
      <alignment vertical="center"/>
    </xf>
    <xf numFmtId="0" fontId="4" fillId="0" borderId="4" xfId="0" applyFont="1" applyFill="1" applyBorder="1" applyAlignment="1" applyProtection="1">
      <alignment horizontal="distributed" vertical="center" justifyLastLine="1"/>
    </xf>
    <xf numFmtId="0" fontId="4" fillId="0" borderId="5" xfId="0" applyFont="1" applyFill="1" applyBorder="1" applyAlignment="1" applyProtection="1">
      <alignment horizontal="distributed" vertical="center" justifyLastLine="1"/>
    </xf>
    <xf numFmtId="0" fontId="3" fillId="0" borderId="0" xfId="0" applyFont="1" applyAlignment="1">
      <alignment vertical="center"/>
    </xf>
    <xf numFmtId="0" fontId="4" fillId="0" borderId="9" xfId="0" quotePrefix="1" applyFont="1" applyFill="1" applyBorder="1" applyAlignment="1" applyProtection="1">
      <alignment horizontal="center" vertical="center"/>
    </xf>
    <xf numFmtId="0" fontId="4" fillId="0" borderId="10" xfId="0" quotePrefix="1" applyFont="1" applyFill="1" applyBorder="1" applyAlignment="1" applyProtection="1">
      <alignment horizontal="center" vertical="center"/>
    </xf>
    <xf numFmtId="0" fontId="4" fillId="0" borderId="6" xfId="0" applyFont="1" applyBorder="1" applyAlignment="1" applyProtection="1"/>
    <xf numFmtId="38" fontId="5" fillId="0" borderId="11" xfId="1" applyFont="1" applyBorder="1" applyAlignment="1"/>
    <xf numFmtId="38" fontId="6" fillId="0" borderId="12" xfId="1" quotePrefix="1" applyFont="1" applyFill="1" applyBorder="1" applyAlignment="1" applyProtection="1">
      <protection locked="0"/>
    </xf>
    <xf numFmtId="38" fontId="6" fillId="0" borderId="12" xfId="1" quotePrefix="1" applyFont="1" applyFill="1" applyBorder="1" applyAlignment="1" applyProtection="1"/>
    <xf numFmtId="38" fontId="6" fillId="0" borderId="13" xfId="1" applyFont="1" applyFill="1" applyBorder="1" applyAlignment="1" applyProtection="1"/>
    <xf numFmtId="0" fontId="3" fillId="0" borderId="0" xfId="0" applyFont="1" applyAlignment="1"/>
    <xf numFmtId="0" fontId="4" fillId="0" borderId="6" xfId="0" applyFont="1" applyFill="1" applyBorder="1" applyAlignment="1" applyProtection="1"/>
    <xf numFmtId="38" fontId="5" fillId="0" borderId="11" xfId="1" applyFont="1" applyFill="1" applyBorder="1" applyAlignment="1"/>
    <xf numFmtId="0" fontId="3" fillId="0" borderId="0" xfId="0" applyFont="1" applyFill="1" applyAlignment="1"/>
    <xf numFmtId="0" fontId="4" fillId="0" borderId="14" xfId="0" applyFont="1" applyBorder="1" applyAlignment="1" applyProtection="1"/>
    <xf numFmtId="38" fontId="5" fillId="0" borderId="15" xfId="1" applyFont="1" applyBorder="1" applyAlignment="1"/>
    <xf numFmtId="38" fontId="6" fillId="0" borderId="9" xfId="1" quotePrefix="1" applyFont="1" applyFill="1" applyBorder="1" applyAlignment="1" applyProtection="1">
      <protection locked="0"/>
    </xf>
    <xf numFmtId="38" fontId="6" fillId="0" borderId="9" xfId="1" quotePrefix="1" applyFont="1" applyFill="1" applyBorder="1" applyAlignment="1" applyProtection="1"/>
    <xf numFmtId="38" fontId="6" fillId="0" borderId="10" xfId="1" applyFont="1" applyFill="1" applyBorder="1" applyAlignment="1" applyProtection="1"/>
    <xf numFmtId="38" fontId="5" fillId="0" borderId="12" xfId="1" applyFont="1" applyBorder="1" applyAlignment="1"/>
    <xf numFmtId="38" fontId="5" fillId="0" borderId="12" xfId="1" applyFont="1" applyBorder="1" applyAlignment="1" applyProtection="1">
      <alignment horizontal="left"/>
    </xf>
    <xf numFmtId="38" fontId="4" fillId="0" borderId="16" xfId="1" applyFont="1" applyBorder="1" applyAlignment="1" applyProtection="1">
      <alignment horizontal="center"/>
    </xf>
    <xf numFmtId="38" fontId="4" fillId="0" borderId="11" xfId="1" applyFont="1" applyBorder="1" applyAlignment="1" applyProtection="1">
      <alignment horizontal="center"/>
    </xf>
    <xf numFmtId="38" fontId="5" fillId="0" borderId="9" xfId="1" applyFont="1" applyBorder="1" applyAlignment="1" applyProtection="1">
      <alignment horizontal="left"/>
    </xf>
    <xf numFmtId="38" fontId="4" fillId="0" borderId="15" xfId="1" applyFont="1" applyBorder="1" applyAlignment="1" applyProtection="1">
      <alignment horizontal="center"/>
    </xf>
    <xf numFmtId="38" fontId="6" fillId="0" borderId="19" xfId="1" applyFont="1" applyFill="1" applyBorder="1" applyAlignment="1" applyProtection="1">
      <protection locked="0"/>
    </xf>
    <xf numFmtId="38" fontId="6" fillId="0" borderId="20" xfId="1" applyFont="1" applyFill="1" applyBorder="1" applyAlignment="1" applyProtection="1">
      <protection locked="0"/>
    </xf>
    <xf numFmtId="38" fontId="6" fillId="0" borderId="9" xfId="1" applyFont="1" applyFill="1" applyBorder="1" applyAlignment="1" applyProtection="1"/>
    <xf numFmtId="38" fontId="6" fillId="0" borderId="23" xfId="1" applyFont="1" applyFill="1" applyBorder="1" applyAlignment="1" applyProtection="1"/>
    <xf numFmtId="38" fontId="6" fillId="0" borderId="24" xfId="1" applyFont="1" applyFill="1" applyBorder="1" applyAlignment="1" applyProtection="1"/>
    <xf numFmtId="0" fontId="3" fillId="0" borderId="0" xfId="0" applyFont="1"/>
    <xf numFmtId="0" fontId="3" fillId="0" borderId="0" xfId="0" applyFont="1" applyFill="1"/>
    <xf numFmtId="0" fontId="3" fillId="0" borderId="0" xfId="0" applyFont="1" applyBorder="1" applyAlignment="1" applyProtection="1"/>
    <xf numFmtId="38" fontId="3" fillId="0" borderId="0" xfId="1" applyFont="1" applyBorder="1" applyAlignment="1"/>
    <xf numFmtId="38" fontId="7" fillId="0" borderId="0" xfId="1" quotePrefix="1" applyFont="1" applyFill="1" applyBorder="1" applyAlignment="1" applyProtection="1">
      <protection locked="0"/>
    </xf>
    <xf numFmtId="0" fontId="7" fillId="0" borderId="0" xfId="1" quotePrefix="1" applyNumberFormat="1" applyFont="1" applyFill="1" applyBorder="1" applyAlignment="1" applyProtection="1"/>
    <xf numFmtId="38" fontId="7" fillId="0" borderId="0" xfId="1" applyFont="1" applyFill="1" applyBorder="1" applyAlignment="1" applyProtection="1"/>
    <xf numFmtId="38" fontId="7" fillId="0" borderId="0" xfId="1" quotePrefix="1" applyFont="1" applyFill="1" applyBorder="1" applyAlignment="1" applyProtection="1"/>
    <xf numFmtId="0" fontId="8" fillId="0" borderId="0" xfId="2" applyFont="1" applyAlignment="1">
      <alignment vertical="center"/>
    </xf>
    <xf numFmtId="38" fontId="3" fillId="0" borderId="0" xfId="0" applyNumberFormat="1" applyFont="1" applyFill="1"/>
    <xf numFmtId="0" fontId="3" fillId="0" borderId="0" xfId="0" applyFont="1" applyFill="1" applyBorder="1" applyAlignment="1" applyProtection="1">
      <alignment horizontal="right"/>
    </xf>
    <xf numFmtId="0" fontId="3" fillId="0" borderId="1" xfId="0" applyFont="1" applyFill="1" applyBorder="1" applyAlignment="1" applyProtection="1">
      <alignment horizontal="right"/>
    </xf>
    <xf numFmtId="0" fontId="4" fillId="0" borderId="2" xfId="0" applyFont="1" applyBorder="1" applyAlignment="1" applyProtection="1">
      <alignment horizontal="distributed" vertical="center" justifyLastLine="1"/>
    </xf>
    <xf numFmtId="0" fontId="4" fillId="0" borderId="3" xfId="0" applyFont="1" applyBorder="1" applyAlignment="1" applyProtection="1">
      <alignment horizontal="distributed" vertical="center" justifyLastLine="1"/>
    </xf>
    <xf numFmtId="0" fontId="4" fillId="0" borderId="7" xfId="0" applyFont="1" applyBorder="1" applyAlignment="1" applyProtection="1">
      <alignment horizontal="distributed" vertical="center" justifyLastLine="1"/>
    </xf>
    <xf numFmtId="0" fontId="4" fillId="0" borderId="8" xfId="0" applyFont="1" applyBorder="1" applyAlignment="1" applyProtection="1">
      <alignment horizontal="distributed" vertical="center" justifyLastLine="1"/>
    </xf>
    <xf numFmtId="0" fontId="4" fillId="0" borderId="17" xfId="0" applyFont="1" applyBorder="1" applyAlignment="1">
      <alignment horizontal="distributed" justifyLastLine="1"/>
    </xf>
    <xf numFmtId="0" fontId="4" fillId="0" borderId="18" xfId="0" applyFont="1" applyBorder="1" applyAlignment="1">
      <alignment horizontal="distributed" justifyLastLine="1"/>
    </xf>
    <xf numFmtId="0" fontId="4" fillId="0" borderId="21" xfId="0" applyFont="1" applyBorder="1" applyAlignment="1">
      <alignment horizontal="distributed" justifyLastLine="1"/>
    </xf>
    <xf numFmtId="0" fontId="4" fillId="0" borderId="22" xfId="0" applyFont="1" applyBorder="1" applyAlignment="1">
      <alignment horizontal="distributed" justifyLastLine="1"/>
    </xf>
  </cellXfs>
  <cellStyles count="3">
    <cellStyle name="桁区切り" xfId="1" builtinId="6"/>
    <cellStyle name="標準" xfId="0" builtinId="0"/>
    <cellStyle name="標準_第７表 (2)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F51"/>
  <sheetViews>
    <sheetView tabSelected="1" view="pageBreakPreview" zoomScaleNormal="100" zoomScaleSheetLayoutView="100" workbookViewId="0">
      <selection activeCell="F13" sqref="F13"/>
    </sheetView>
  </sheetViews>
  <sheetFormatPr defaultRowHeight="11.25" x14ac:dyDescent="0.15"/>
  <cols>
    <col min="1" max="1" width="3.625" style="35" customWidth="1"/>
    <col min="2" max="2" width="10" style="35" customWidth="1"/>
    <col min="3" max="6" width="17.625" style="36" customWidth="1"/>
    <col min="7" max="16384" width="9" style="35"/>
  </cols>
  <sheetData>
    <row r="1" spans="1:6" s="2" customFormat="1" ht="13.5" x14ac:dyDescent="0.15">
      <c r="A1" s="1" t="s">
        <v>0</v>
      </c>
      <c r="C1" s="3"/>
      <c r="D1" s="3"/>
      <c r="E1" s="3"/>
      <c r="F1" s="45" t="s">
        <v>1</v>
      </c>
    </row>
    <row r="2" spans="1:6" s="2" customFormat="1" ht="10.5" customHeight="1" thickBot="1" x14ac:dyDescent="0.2">
      <c r="A2" s="4"/>
      <c r="B2" s="1"/>
      <c r="C2" s="3"/>
      <c r="D2" s="3"/>
      <c r="E2" s="3"/>
      <c r="F2" s="46"/>
    </row>
    <row r="3" spans="1:6" s="7" customFormat="1" ht="15.6" customHeight="1" x14ac:dyDescent="0.15">
      <c r="A3" s="47" t="s">
        <v>2</v>
      </c>
      <c r="B3" s="48"/>
      <c r="C3" s="5" t="s">
        <v>3</v>
      </c>
      <c r="D3" s="5" t="s">
        <v>4</v>
      </c>
      <c r="E3" s="5" t="s">
        <v>5</v>
      </c>
      <c r="F3" s="6" t="s">
        <v>6</v>
      </c>
    </row>
    <row r="4" spans="1:6" s="7" customFormat="1" ht="15.6" customHeight="1" thickBot="1" x14ac:dyDescent="0.2">
      <c r="A4" s="49"/>
      <c r="B4" s="50"/>
      <c r="C4" s="8" t="s">
        <v>7</v>
      </c>
      <c r="D4" s="8" t="s">
        <v>8</v>
      </c>
      <c r="E4" s="8"/>
      <c r="F4" s="9" t="s">
        <v>9</v>
      </c>
    </row>
    <row r="5" spans="1:6" s="15" customFormat="1" ht="18" customHeight="1" thickTop="1" x14ac:dyDescent="0.15">
      <c r="A5" s="10">
        <v>1</v>
      </c>
      <c r="B5" s="11" t="s">
        <v>10</v>
      </c>
      <c r="C5" s="12">
        <v>272984000232</v>
      </c>
      <c r="D5" s="12">
        <v>4267914267</v>
      </c>
      <c r="E5" s="13">
        <v>167121702328</v>
      </c>
      <c r="F5" s="14">
        <v>277251914499</v>
      </c>
    </row>
    <row r="6" spans="1:6" s="15" customFormat="1" ht="18" customHeight="1" x14ac:dyDescent="0.15">
      <c r="A6" s="10">
        <v>2</v>
      </c>
      <c r="B6" s="11" t="s">
        <v>11</v>
      </c>
      <c r="C6" s="12">
        <v>98590592224</v>
      </c>
      <c r="D6" s="12">
        <v>2219354162</v>
      </c>
      <c r="E6" s="13">
        <v>57785268532</v>
      </c>
      <c r="F6" s="14">
        <v>100809946386</v>
      </c>
    </row>
    <row r="7" spans="1:6" s="15" customFormat="1" ht="18" customHeight="1" x14ac:dyDescent="0.15">
      <c r="A7" s="10">
        <v>3</v>
      </c>
      <c r="B7" s="11" t="s">
        <v>12</v>
      </c>
      <c r="C7" s="12">
        <v>39060811112</v>
      </c>
      <c r="D7" s="13">
        <v>784627467</v>
      </c>
      <c r="E7" s="13">
        <v>25714173020</v>
      </c>
      <c r="F7" s="14">
        <v>39845438579</v>
      </c>
    </row>
    <row r="8" spans="1:6" s="15" customFormat="1" ht="18" customHeight="1" x14ac:dyDescent="0.15">
      <c r="A8" s="10">
        <v>4</v>
      </c>
      <c r="B8" s="11" t="s">
        <v>13</v>
      </c>
      <c r="C8" s="12">
        <v>22586034254</v>
      </c>
      <c r="D8" s="12">
        <v>481431436</v>
      </c>
      <c r="E8" s="13">
        <v>13969029239</v>
      </c>
      <c r="F8" s="14">
        <v>23067465690</v>
      </c>
    </row>
    <row r="9" spans="1:6" s="15" customFormat="1" ht="18" customHeight="1" x14ac:dyDescent="0.15">
      <c r="A9" s="10">
        <v>5</v>
      </c>
      <c r="B9" s="11" t="s">
        <v>14</v>
      </c>
      <c r="C9" s="12">
        <v>14311408883</v>
      </c>
      <c r="D9" s="12">
        <v>350738761</v>
      </c>
      <c r="E9" s="13">
        <v>9139185305</v>
      </c>
      <c r="F9" s="14">
        <v>14662147644</v>
      </c>
    </row>
    <row r="10" spans="1:6" s="15" customFormat="1" ht="18" customHeight="1" x14ac:dyDescent="0.15">
      <c r="A10" s="10">
        <v>6</v>
      </c>
      <c r="B10" s="11" t="s">
        <v>15</v>
      </c>
      <c r="C10" s="12">
        <v>30938217720</v>
      </c>
      <c r="D10" s="12">
        <v>785973559</v>
      </c>
      <c r="E10" s="13">
        <v>19212678286</v>
      </c>
      <c r="F10" s="14">
        <v>31724191279</v>
      </c>
    </row>
    <row r="11" spans="1:6" s="15" customFormat="1" ht="18" customHeight="1" x14ac:dyDescent="0.15">
      <c r="A11" s="10">
        <v>7</v>
      </c>
      <c r="B11" s="11" t="s">
        <v>16</v>
      </c>
      <c r="C11" s="12">
        <v>17055806419</v>
      </c>
      <c r="D11" s="12">
        <v>418030089</v>
      </c>
      <c r="E11" s="13">
        <v>10489436370</v>
      </c>
      <c r="F11" s="14">
        <v>17473836508</v>
      </c>
    </row>
    <row r="12" spans="1:6" s="15" customFormat="1" ht="18" customHeight="1" x14ac:dyDescent="0.15">
      <c r="A12" s="10">
        <v>8</v>
      </c>
      <c r="B12" s="11" t="s">
        <v>17</v>
      </c>
      <c r="C12" s="12">
        <v>18320867454</v>
      </c>
      <c r="D12" s="12">
        <v>508016036</v>
      </c>
      <c r="E12" s="13">
        <v>11591912844</v>
      </c>
      <c r="F12" s="14">
        <v>18828883490</v>
      </c>
    </row>
    <row r="13" spans="1:6" s="15" customFormat="1" ht="18" customHeight="1" x14ac:dyDescent="0.15">
      <c r="A13" s="10">
        <v>9</v>
      </c>
      <c r="B13" s="11" t="s">
        <v>18</v>
      </c>
      <c r="C13" s="12">
        <v>5346623654</v>
      </c>
      <c r="D13" s="12">
        <v>109392701</v>
      </c>
      <c r="E13" s="13">
        <v>3489016363</v>
      </c>
      <c r="F13" s="14">
        <v>5456016355</v>
      </c>
    </row>
    <row r="14" spans="1:6" s="18" customFormat="1" ht="18" customHeight="1" x14ac:dyDescent="0.15">
      <c r="A14" s="16">
        <v>10</v>
      </c>
      <c r="B14" s="17" t="s">
        <v>19</v>
      </c>
      <c r="C14" s="12">
        <v>59728976392</v>
      </c>
      <c r="D14" s="12">
        <v>1301575025</v>
      </c>
      <c r="E14" s="13">
        <v>36729408161</v>
      </c>
      <c r="F14" s="14">
        <v>61030551417</v>
      </c>
    </row>
    <row r="15" spans="1:6" s="15" customFormat="1" ht="18" customHeight="1" x14ac:dyDescent="0.15">
      <c r="A15" s="10">
        <v>11</v>
      </c>
      <c r="B15" s="11" t="s">
        <v>20</v>
      </c>
      <c r="C15" s="12">
        <v>5213151441</v>
      </c>
      <c r="D15" s="12">
        <v>155299507</v>
      </c>
      <c r="E15" s="13">
        <v>3142724957</v>
      </c>
      <c r="F15" s="14">
        <v>5368450948</v>
      </c>
    </row>
    <row r="16" spans="1:6" s="15" customFormat="1" ht="18" customHeight="1" x14ac:dyDescent="0.15">
      <c r="A16" s="10">
        <v>12</v>
      </c>
      <c r="B16" s="11" t="s">
        <v>21</v>
      </c>
      <c r="C16" s="12">
        <v>14424274386</v>
      </c>
      <c r="D16" s="12">
        <v>448973812</v>
      </c>
      <c r="E16" s="13">
        <v>9297268317</v>
      </c>
      <c r="F16" s="14">
        <v>14873248198</v>
      </c>
    </row>
    <row r="17" spans="1:6" s="15" customFormat="1" ht="18" customHeight="1" x14ac:dyDescent="0.15">
      <c r="A17" s="10">
        <v>13</v>
      </c>
      <c r="B17" s="11" t="s">
        <v>22</v>
      </c>
      <c r="C17" s="12">
        <v>19252947583</v>
      </c>
      <c r="D17" s="12">
        <v>577986595</v>
      </c>
      <c r="E17" s="13">
        <v>11918434036</v>
      </c>
      <c r="F17" s="14">
        <v>19830934178</v>
      </c>
    </row>
    <row r="18" spans="1:6" s="15" customFormat="1" ht="18" customHeight="1" x14ac:dyDescent="0.15">
      <c r="A18" s="10">
        <v>14</v>
      </c>
      <c r="B18" s="11" t="s">
        <v>23</v>
      </c>
      <c r="C18" s="12">
        <v>18770797301</v>
      </c>
      <c r="D18" s="12">
        <v>371185222</v>
      </c>
      <c r="E18" s="13">
        <v>11382253656</v>
      </c>
      <c r="F18" s="14">
        <v>19141982523</v>
      </c>
    </row>
    <row r="19" spans="1:6" s="15" customFormat="1" ht="18" customHeight="1" x14ac:dyDescent="0.15">
      <c r="A19" s="10">
        <v>15</v>
      </c>
      <c r="B19" s="11" t="s">
        <v>24</v>
      </c>
      <c r="C19" s="12">
        <v>8289999705</v>
      </c>
      <c r="D19" s="12">
        <v>245542726</v>
      </c>
      <c r="E19" s="13">
        <v>5290839895</v>
      </c>
      <c r="F19" s="14">
        <v>8535542431</v>
      </c>
    </row>
    <row r="20" spans="1:6" s="15" customFormat="1" ht="18" customHeight="1" x14ac:dyDescent="0.15">
      <c r="A20" s="10">
        <v>16</v>
      </c>
      <c r="B20" s="11" t="s">
        <v>25</v>
      </c>
      <c r="C20" s="12">
        <v>9944433702</v>
      </c>
      <c r="D20" s="12">
        <v>241969138</v>
      </c>
      <c r="E20" s="13">
        <v>6193760235</v>
      </c>
      <c r="F20" s="14">
        <v>10186402840</v>
      </c>
    </row>
    <row r="21" spans="1:6" s="15" customFormat="1" ht="18" customHeight="1" x14ac:dyDescent="0.15">
      <c r="A21" s="10">
        <v>17</v>
      </c>
      <c r="B21" s="11" t="s">
        <v>26</v>
      </c>
      <c r="C21" s="12">
        <v>10536847726</v>
      </c>
      <c r="D21" s="12">
        <v>373594213</v>
      </c>
      <c r="E21" s="13">
        <v>6497023161</v>
      </c>
      <c r="F21" s="14">
        <v>10910441939</v>
      </c>
    </row>
    <row r="22" spans="1:6" s="15" customFormat="1" ht="18" customHeight="1" x14ac:dyDescent="0.15">
      <c r="A22" s="10">
        <v>18</v>
      </c>
      <c r="B22" s="11" t="s">
        <v>27</v>
      </c>
      <c r="C22" s="12">
        <v>3602379943</v>
      </c>
      <c r="D22" s="12">
        <v>120341122</v>
      </c>
      <c r="E22" s="13">
        <v>2326923529</v>
      </c>
      <c r="F22" s="14">
        <v>3722721065</v>
      </c>
    </row>
    <row r="23" spans="1:6" s="15" customFormat="1" ht="18" customHeight="1" thickBot="1" x14ac:dyDescent="0.2">
      <c r="A23" s="19">
        <v>21</v>
      </c>
      <c r="B23" s="20" t="s">
        <v>28</v>
      </c>
      <c r="C23" s="21">
        <v>7486552570</v>
      </c>
      <c r="D23" s="21">
        <v>194265336</v>
      </c>
      <c r="E23" s="22">
        <v>4705501168</v>
      </c>
      <c r="F23" s="23">
        <v>7680817906</v>
      </c>
    </row>
    <row r="24" spans="1:6" s="15" customFormat="1" ht="18" customHeight="1" thickTop="1" x14ac:dyDescent="0.15">
      <c r="A24" s="10">
        <v>19</v>
      </c>
      <c r="B24" s="24" t="s">
        <v>29</v>
      </c>
      <c r="C24" s="12">
        <v>2764485591</v>
      </c>
      <c r="D24" s="12">
        <v>68714784</v>
      </c>
      <c r="E24" s="13">
        <v>1758649807</v>
      </c>
      <c r="F24" s="14">
        <v>2833200375</v>
      </c>
    </row>
    <row r="25" spans="1:6" s="15" customFormat="1" ht="18" customHeight="1" x14ac:dyDescent="0.15">
      <c r="A25" s="10">
        <v>20</v>
      </c>
      <c r="B25" s="11" t="s">
        <v>30</v>
      </c>
      <c r="C25" s="12">
        <v>4197220104</v>
      </c>
      <c r="D25" s="12">
        <v>114652611</v>
      </c>
      <c r="E25" s="13">
        <v>2666686972</v>
      </c>
      <c r="F25" s="14">
        <v>4311872715</v>
      </c>
    </row>
    <row r="26" spans="1:6" s="15" customFormat="1" ht="18" customHeight="1" x14ac:dyDescent="0.15">
      <c r="A26" s="10">
        <v>22</v>
      </c>
      <c r="B26" s="11" t="s">
        <v>31</v>
      </c>
      <c r="C26" s="12">
        <v>3102801060</v>
      </c>
      <c r="D26" s="12">
        <v>74828561</v>
      </c>
      <c r="E26" s="13">
        <v>2062151528</v>
      </c>
      <c r="F26" s="14">
        <v>3177629621</v>
      </c>
    </row>
    <row r="27" spans="1:6" s="15" customFormat="1" ht="18" customHeight="1" x14ac:dyDescent="0.15">
      <c r="A27" s="10">
        <v>23</v>
      </c>
      <c r="B27" s="11" t="s">
        <v>32</v>
      </c>
      <c r="C27" s="12">
        <v>2668844146</v>
      </c>
      <c r="D27" s="12">
        <v>88323490</v>
      </c>
      <c r="E27" s="13">
        <v>1795377443</v>
      </c>
      <c r="F27" s="14">
        <v>2757167636</v>
      </c>
    </row>
    <row r="28" spans="1:6" s="15" customFormat="1" ht="18" customHeight="1" x14ac:dyDescent="0.15">
      <c r="A28" s="10">
        <v>24</v>
      </c>
      <c r="B28" s="11" t="s">
        <v>33</v>
      </c>
      <c r="C28" s="12">
        <v>961957832</v>
      </c>
      <c r="D28" s="12">
        <v>56531395</v>
      </c>
      <c r="E28" s="13">
        <v>685411877</v>
      </c>
      <c r="F28" s="14">
        <v>1018489227</v>
      </c>
    </row>
    <row r="29" spans="1:6" s="15" customFormat="1" ht="18" customHeight="1" x14ac:dyDescent="0.15">
      <c r="A29" s="10">
        <v>25</v>
      </c>
      <c r="B29" s="11" t="s">
        <v>34</v>
      </c>
      <c r="C29" s="12">
        <v>1281664090</v>
      </c>
      <c r="D29" s="12">
        <v>32828953</v>
      </c>
      <c r="E29" s="13">
        <v>825736220</v>
      </c>
      <c r="F29" s="14">
        <v>1314493043</v>
      </c>
    </row>
    <row r="30" spans="1:6" s="15" customFormat="1" ht="18" customHeight="1" x14ac:dyDescent="0.15">
      <c r="A30" s="10">
        <v>26</v>
      </c>
      <c r="B30" s="11" t="s">
        <v>35</v>
      </c>
      <c r="C30" s="12">
        <v>1120573833</v>
      </c>
      <c r="D30" s="12">
        <v>33616184</v>
      </c>
      <c r="E30" s="13">
        <v>719615384</v>
      </c>
      <c r="F30" s="14">
        <v>1154190017</v>
      </c>
    </row>
    <row r="31" spans="1:6" s="15" customFormat="1" ht="18" customHeight="1" x14ac:dyDescent="0.15">
      <c r="A31" s="10">
        <v>27</v>
      </c>
      <c r="B31" s="11" t="s">
        <v>36</v>
      </c>
      <c r="C31" s="12">
        <v>1250055533</v>
      </c>
      <c r="D31" s="12">
        <v>45898169</v>
      </c>
      <c r="E31" s="13">
        <v>857124405</v>
      </c>
      <c r="F31" s="14">
        <v>1295953702</v>
      </c>
    </row>
    <row r="32" spans="1:6" s="15" customFormat="1" ht="18" customHeight="1" x14ac:dyDescent="0.15">
      <c r="A32" s="10">
        <v>28</v>
      </c>
      <c r="B32" s="11" t="s">
        <v>37</v>
      </c>
      <c r="C32" s="12">
        <v>1371784588</v>
      </c>
      <c r="D32" s="12">
        <v>60637772</v>
      </c>
      <c r="E32" s="13">
        <v>876384247</v>
      </c>
      <c r="F32" s="14">
        <v>1432422360</v>
      </c>
    </row>
    <row r="33" spans="1:6" s="15" customFormat="1" ht="18" customHeight="1" x14ac:dyDescent="0.15">
      <c r="A33" s="10">
        <v>29</v>
      </c>
      <c r="B33" s="11" t="s">
        <v>38</v>
      </c>
      <c r="C33" s="12">
        <v>1234666057</v>
      </c>
      <c r="D33" s="12">
        <v>13777907</v>
      </c>
      <c r="E33" s="13">
        <v>824476298</v>
      </c>
      <c r="F33" s="14">
        <v>1248443964</v>
      </c>
    </row>
    <row r="34" spans="1:6" s="15" customFormat="1" ht="18" customHeight="1" x14ac:dyDescent="0.15">
      <c r="A34" s="10">
        <v>30</v>
      </c>
      <c r="B34" s="11" t="s">
        <v>39</v>
      </c>
      <c r="C34" s="12">
        <v>987151757</v>
      </c>
      <c r="D34" s="12">
        <v>14220680</v>
      </c>
      <c r="E34" s="13">
        <v>594932003</v>
      </c>
      <c r="F34" s="14">
        <v>1001372437</v>
      </c>
    </row>
    <row r="35" spans="1:6" s="15" customFormat="1" ht="18" customHeight="1" x14ac:dyDescent="0.15">
      <c r="A35" s="10">
        <v>31</v>
      </c>
      <c r="B35" s="11" t="s">
        <v>40</v>
      </c>
      <c r="C35" s="12">
        <v>2892896925</v>
      </c>
      <c r="D35" s="12">
        <v>40507167</v>
      </c>
      <c r="E35" s="13">
        <v>1825766026</v>
      </c>
      <c r="F35" s="14">
        <v>2933404092</v>
      </c>
    </row>
    <row r="36" spans="1:6" s="15" customFormat="1" ht="18" customHeight="1" x14ac:dyDescent="0.15">
      <c r="A36" s="10">
        <v>32</v>
      </c>
      <c r="B36" s="11" t="s">
        <v>41</v>
      </c>
      <c r="C36" s="12">
        <v>4298060317</v>
      </c>
      <c r="D36" s="12">
        <v>167280295</v>
      </c>
      <c r="E36" s="13">
        <v>2598954088</v>
      </c>
      <c r="F36" s="14">
        <v>4465340612</v>
      </c>
    </row>
    <row r="37" spans="1:6" s="15" customFormat="1" ht="18" customHeight="1" thickBot="1" x14ac:dyDescent="0.2">
      <c r="A37" s="19">
        <v>33</v>
      </c>
      <c r="B37" s="20" t="s">
        <v>42</v>
      </c>
      <c r="C37" s="21">
        <v>344850117</v>
      </c>
      <c r="D37" s="21">
        <v>2618100</v>
      </c>
      <c r="E37" s="22">
        <v>194508066</v>
      </c>
      <c r="F37" s="23">
        <v>347468217</v>
      </c>
    </row>
    <row r="38" spans="1:6" s="15" customFormat="1" ht="18" customHeight="1" thickTop="1" x14ac:dyDescent="0.15">
      <c r="A38" s="10">
        <v>301</v>
      </c>
      <c r="B38" s="25" t="s">
        <v>43</v>
      </c>
      <c r="C38" s="12">
        <v>2530642791</v>
      </c>
      <c r="D38" s="26" t="s">
        <v>44</v>
      </c>
      <c r="E38" s="13">
        <v>548872703</v>
      </c>
      <c r="F38" s="14">
        <v>2530642791</v>
      </c>
    </row>
    <row r="39" spans="1:6" s="15" customFormat="1" ht="18" customHeight="1" x14ac:dyDescent="0.15">
      <c r="A39" s="10">
        <v>302</v>
      </c>
      <c r="B39" s="25" t="s">
        <v>45</v>
      </c>
      <c r="C39" s="12">
        <v>2655243273</v>
      </c>
      <c r="D39" s="27" t="s">
        <v>44</v>
      </c>
      <c r="E39" s="13">
        <v>509543886</v>
      </c>
      <c r="F39" s="14">
        <v>2655243273</v>
      </c>
    </row>
    <row r="40" spans="1:6" s="15" customFormat="1" ht="18" customHeight="1" x14ac:dyDescent="0.15">
      <c r="A40" s="10">
        <v>303</v>
      </c>
      <c r="B40" s="25" t="s">
        <v>46</v>
      </c>
      <c r="C40" s="12">
        <v>4579406961</v>
      </c>
      <c r="D40" s="26" t="s">
        <v>44</v>
      </c>
      <c r="E40" s="13">
        <v>2035456324</v>
      </c>
      <c r="F40" s="14">
        <v>4579406961</v>
      </c>
    </row>
    <row r="41" spans="1:6" s="15" customFormat="1" ht="18" customHeight="1" x14ac:dyDescent="0.15">
      <c r="A41" s="10">
        <v>304</v>
      </c>
      <c r="B41" s="25" t="s">
        <v>47</v>
      </c>
      <c r="C41" s="12">
        <v>818696364</v>
      </c>
      <c r="D41" s="27" t="s">
        <v>44</v>
      </c>
      <c r="E41" s="13">
        <v>203470971</v>
      </c>
      <c r="F41" s="14">
        <v>818696364</v>
      </c>
    </row>
    <row r="42" spans="1:6" s="15" customFormat="1" ht="18" customHeight="1" x14ac:dyDescent="0.15">
      <c r="A42" s="10">
        <v>305</v>
      </c>
      <c r="B42" s="25" t="s">
        <v>48</v>
      </c>
      <c r="C42" s="12">
        <v>1707461435</v>
      </c>
      <c r="D42" s="26" t="s">
        <v>44</v>
      </c>
      <c r="E42" s="13">
        <v>536337489</v>
      </c>
      <c r="F42" s="14">
        <v>1707461435</v>
      </c>
    </row>
    <row r="43" spans="1:6" s="15" customFormat="1" ht="18" customHeight="1" thickBot="1" x14ac:dyDescent="0.2">
      <c r="A43" s="19">
        <v>306</v>
      </c>
      <c r="B43" s="28" t="s">
        <v>49</v>
      </c>
      <c r="C43" s="12">
        <v>16433489176</v>
      </c>
      <c r="D43" s="29" t="s">
        <v>44</v>
      </c>
      <c r="E43" s="13">
        <v>5496843650</v>
      </c>
      <c r="F43" s="14">
        <v>16433489176</v>
      </c>
    </row>
    <row r="44" spans="1:6" s="7" customFormat="1" ht="18" customHeight="1" thickTop="1" thickBot="1" x14ac:dyDescent="0.2">
      <c r="A44" s="51" t="s">
        <v>50</v>
      </c>
      <c r="B44" s="52"/>
      <c r="C44" s="30">
        <v>704921734651</v>
      </c>
      <c r="D44" s="30">
        <v>14770647242</v>
      </c>
      <c r="E44" s="30">
        <v>434282313766</v>
      </c>
      <c r="F44" s="31">
        <v>719692381893</v>
      </c>
    </row>
    <row r="45" spans="1:6" s="7" customFormat="1" ht="18" customHeight="1" thickTop="1" thickBot="1" x14ac:dyDescent="0.2">
      <c r="A45" s="51" t="s">
        <v>51</v>
      </c>
      <c r="B45" s="52"/>
      <c r="C45" s="30">
        <v>28724940000</v>
      </c>
      <c r="D45" s="29" t="s">
        <v>44</v>
      </c>
      <c r="E45" s="32">
        <v>9330525023</v>
      </c>
      <c r="F45" s="23">
        <v>28724940000</v>
      </c>
    </row>
    <row r="46" spans="1:6" s="7" customFormat="1" ht="18" customHeight="1" thickTop="1" thickBot="1" x14ac:dyDescent="0.2">
      <c r="A46" s="53" t="s">
        <v>52</v>
      </c>
      <c r="B46" s="54"/>
      <c r="C46" s="33">
        <v>733646674651</v>
      </c>
      <c r="D46" s="33">
        <v>14770647242</v>
      </c>
      <c r="E46" s="33">
        <v>443612838789</v>
      </c>
      <c r="F46" s="34">
        <v>748417321893</v>
      </c>
    </row>
    <row r="48" spans="1:6" s="15" customFormat="1" ht="15.75" customHeight="1" x14ac:dyDescent="0.15">
      <c r="A48" s="37"/>
      <c r="B48" s="38"/>
      <c r="C48" s="39"/>
      <c r="D48" s="39"/>
      <c r="E48" s="40"/>
      <c r="F48" s="41"/>
    </row>
    <row r="49" spans="1:6" s="15" customFormat="1" ht="15.75" customHeight="1" x14ac:dyDescent="0.15">
      <c r="A49" s="37"/>
      <c r="B49" s="38"/>
      <c r="C49" s="39"/>
      <c r="D49" s="39"/>
      <c r="E49" s="42"/>
      <c r="F49" s="41"/>
    </row>
    <row r="50" spans="1:6" x14ac:dyDescent="0.15">
      <c r="A50" s="43"/>
    </row>
    <row r="51" spans="1:6" x14ac:dyDescent="0.15">
      <c r="D51" s="44"/>
      <c r="E51" s="44"/>
      <c r="F51" s="44"/>
    </row>
  </sheetData>
  <mergeCells count="5">
    <mergeCell ref="F1:F2"/>
    <mergeCell ref="A3:B4"/>
    <mergeCell ref="A44:B44"/>
    <mergeCell ref="A45:B45"/>
    <mergeCell ref="A46:B46"/>
  </mergeCells>
  <phoneticPr fontId="2"/>
  <printOptions horizontalCentered="1"/>
  <pageMargins left="0.7" right="0.7" top="0.75" bottom="0.75" header="0.3" footer="0.3"/>
  <pageSetup paperSize="9" scale="9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1７表</vt:lpstr>
      <vt:lpstr>第1７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7:03:43Z</cp:lastPrinted>
  <dcterms:created xsi:type="dcterms:W3CDTF">2018-03-07T06:13:53Z</dcterms:created>
  <dcterms:modified xsi:type="dcterms:W3CDTF">2018-03-08T07:04:00Z</dcterms:modified>
</cp:coreProperties>
</file>